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21\group\01_調整グループ\02_バリアフリーの街づくり\001_例規等\03_条例施行規則改正（整備基準改正）\01_第１回\04_資料\220808_委員送付\"/>
    </mc:Choice>
  </mc:AlternateContent>
  <bookViews>
    <workbookView xWindow="0" yWindow="0" windowWidth="23040" windowHeight="9360"/>
  </bookViews>
  <sheets>
    <sheet name="比較" sheetId="7" r:id="rId1"/>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1" uniqueCount="107">
  <si>
    <t>床面は、滑りにくい材料で仕上げること。</t>
  </si>
  <si>
    <t>８　便所</t>
    <rPh sb="2" eb="4">
      <t>ベンジョ</t>
    </rPh>
    <phoneticPr fontId="1"/>
  </si>
  <si>
    <t>ア　出入口の構造</t>
  </si>
  <si>
    <t>出入口の有効幅員は、80センチメートル以上とすること。</t>
  </si>
  <si>
    <t>イ　戸の構造</t>
  </si>
  <si>
    <t>戸を設ける場合には、１の項(2)エ(ｲ)に掲げるものであること。
(ｲ)自動的に開閉する構造その他の障害者等が容易に開閉して通過できる構造とし、かつ、その前後に高低差がないこと。</t>
    <phoneticPr fontId="1"/>
  </si>
  <si>
    <t>ウ　接続する経路</t>
  </si>
  <si>
    <t>出入口は、主たる経路に接続すること。</t>
  </si>
  <si>
    <t>エ　便房の構造</t>
  </si>
  <si>
    <t>腰掛便座、手すり、洗面器、鏡等を適切に配置すること。</t>
  </si>
  <si>
    <t>オ　乳幼児等の対応</t>
  </si>
  <si>
    <t>乳幼児用のベッド及びいすを設置するよう努めること。</t>
  </si>
  <si>
    <t>カ　空間の確保</t>
  </si>
  <si>
    <t>車いす使用者が円滑に利用することができる空間を確保すること。</t>
  </si>
  <si>
    <t>キ　床面の仕上げ</t>
  </si>
  <si>
    <t>ク　水洗器具</t>
  </si>
  <si>
    <t>障害者等が円滑に利用することができる構造の水洗器具を設けること。</t>
  </si>
  <si>
    <t>ケ　出入口の表示</t>
  </si>
  <si>
    <t>出入口には、だれもが利用できる旨を分かりやすい方法で表示すること。</t>
  </si>
  <si>
    <t>(2) 不特定かつ多数の者が利用し、又は主として障害者等が利用する便所（みんなのトイレ（(1)ただし書きの場合を含む。）のみで構成されているものを除く。）を設ける場合は、次に定める構造の便所を１以上（男女用の区別があるときは、それぞれ１以上）設けること。</t>
  </si>
  <si>
    <t>便所の出入口の有効幅員は、80センチメートル以上とすること。</t>
  </si>
  <si>
    <t>イ　戸の構造</t>
    <phoneticPr fontId="1"/>
  </si>
  <si>
    <t>便所及び便房の出入口の戸は、１の項(2)エ(ｲ)に掲げるものであること。</t>
  </si>
  <si>
    <t>ウ　床面の仕上げ</t>
  </si>
  <si>
    <t>床面は、滑りにくい材料で仕上げること。</t>
    <phoneticPr fontId="1"/>
  </si>
  <si>
    <t>障害者等が円滑に利用できる構造の腰掛便座及び手すりを適切に配置し、４の項(2)に定める構造の出入口を設けた便房を１以上設けること。</t>
  </si>
  <si>
    <t>⇒有効幅員を80センチメートル以上とし、(1)のイからエまでに定める構造とすること。</t>
    <phoneticPr fontId="1"/>
  </si>
  <si>
    <t>・障害者等の通行の支障となるような段を設けないこと</t>
    <rPh sb="1" eb="2">
      <t>ショウ</t>
    </rPh>
    <rPh sb="2" eb="3">
      <t>ガイ</t>
    </rPh>
    <rPh sb="3" eb="4">
      <t>シャ</t>
    </rPh>
    <rPh sb="4" eb="5">
      <t>トウ</t>
    </rPh>
    <rPh sb="6" eb="8">
      <t>ツウコウ</t>
    </rPh>
    <rPh sb="9" eb="11">
      <t>シショウ</t>
    </rPh>
    <rPh sb="17" eb="18">
      <t>ダン</t>
    </rPh>
    <rPh sb="19" eb="20">
      <t>モウ</t>
    </rPh>
    <phoneticPr fontId="1"/>
  </si>
  <si>
    <t>・戸を設ける場合には、１の項(2)エ(ｲ)に掲げるものであること。
　(ｲ)自動的に開閉する構造その他の障害者等が容易に開閉して通過できる構造とし、かつ、その前後に高低差がないこと。</t>
    <phoneticPr fontId="1"/>
  </si>
  <si>
    <t>・床面は、滑りにくい材料で仕上げること。</t>
    <phoneticPr fontId="1"/>
  </si>
  <si>
    <t>オ　男子用小便器の構造</t>
  </si>
  <si>
    <t>男子用小便器を設ける場合は、手すり付きの床置式の小便器、壁掛式の小便器（受け口の高さが35センチメートル以下のものに限る。）その他これらに類する小便器を１以上設けること。</t>
  </si>
  <si>
    <t>カ　洗面器の構造</t>
  </si>
  <si>
    <t>障害者等が円滑に利用できる構造とし、かつ、手すり及び鏡を適切に配置した洗面器を１以上設けること。</t>
  </si>
  <si>
    <t>13　誘導設備</t>
    <rPh sb="3" eb="5">
      <t>ユウドウ</t>
    </rPh>
    <rPh sb="5" eb="7">
      <t>セツビ</t>
    </rPh>
    <phoneticPr fontId="1"/>
  </si>
  <si>
    <t>　非常時に障害者等が安全に外部に出られるように、次に定める構造とすること。</t>
  </si>
  <si>
    <t>(1) 非常口の構造</t>
  </si>
  <si>
    <t>非常口とするものについては、段を設けないこと。</t>
  </si>
  <si>
    <t>(2) 非常口等における点滅灯等の設置</t>
  </si>
  <si>
    <t>非常口、廊下等及び階段の必要な箇所には、非常時を知らせる点滅灯又は点滅灯と連動した電光表示板を設けるよう努めること。</t>
  </si>
  <si>
    <t>(3) 一斉放送設備</t>
    <phoneticPr fontId="1"/>
  </si>
  <si>
    <t>一斉放送できる設備を設けるよう努めること。</t>
  </si>
  <si>
    <t>15　視覚障害者の安全かつ円滑な利用に必要な設備</t>
    <rPh sb="3" eb="5">
      <t>シカク</t>
    </rPh>
    <rPh sb="5" eb="8">
      <t>ショウガイシャ</t>
    </rPh>
    <rPh sb="9" eb="11">
      <t>アンゼン</t>
    </rPh>
    <rPh sb="13" eb="15">
      <t>エンカツ</t>
    </rPh>
    <rPh sb="16" eb="18">
      <t>リヨウ</t>
    </rPh>
    <rPh sb="19" eb="21">
      <t>ヒツヨウ</t>
    </rPh>
    <rPh sb="22" eb="24">
      <t>セツビ</t>
    </rPh>
    <phoneticPr fontId="1"/>
  </si>
  <si>
    <t>(1) 視覚障害者用誘導ブロックの敷設等</t>
  </si>
  <si>
    <r>
      <t>道等から12の項(2)イに定める構造の設備又は案内所までの経路（駐車場から４の項に定める構造の出入口等に至る経路を除く。）は、そのうち１以上を、次に掲げる視覚障害者が円滑に利用できる経路とすること。</t>
    </r>
    <r>
      <rPr>
        <u/>
        <sz val="8"/>
        <rFont val="ＭＳ ゴシック"/>
        <family val="3"/>
        <charset val="128"/>
      </rPr>
      <t>ただし、小規模無床診療所及び小規模店舗及び小規模興行・遊興施設並びに別表第１の７の項から９の項まで及び16の項に掲げる公共的施設にあっては、この限りでない。</t>
    </r>
    <phoneticPr fontId="1"/>
  </si>
  <si>
    <t>ア　視覚障害者用誘導ブロックの敷設</t>
  </si>
  <si>
    <t>視覚障害者の誘導を行うために、線状ブロック等（床面に敷設されるブロックその他これに類するものであって、線状の突起が設けられており、かつ、周囲の床面との色の明度、色相又は彩度の差が大きいことにより容易に識別できるものをいう。以下同じ。）及び点状ブロック等（床面に敷設されるブロックその他これに類するものであって、点状の突起が設けられており、かつ、周囲の床面との色の明度、色相又は彩度の差が大きいことにより容易に識別できるものをいう。以下同じ。）を適切に組み合わせて敷設し、又は音声その他の方法により視覚障害者を誘導する設備を設けること。ただし、進行方向を変更する必要がない風除室内においては、この限りでない。</t>
  </si>
  <si>
    <t>イ　敷地内通路</t>
  </si>
  <si>
    <t>経路を構成する敷地内の通路の次に掲げる部分には、視覚障害者に対し警告を行うために、点状ブロック等を敷設すること。</t>
  </si>
  <si>
    <t>(ｱ)車路に近接する部分</t>
  </si>
  <si>
    <t>(ｲ)段がある部分又は傾斜（こう配が20分の１を超えないもの及び高さが16センチメートルを超えず、かつ、こう配が12分の１を超えないものを除く。）がある部分の上端に近接する部分</t>
  </si>
  <si>
    <t>(2) 傾斜路等の敷設</t>
  </si>
  <si>
    <t>次の場所（別表第１の８の項に掲げる公共的施設のうち、共同住宅（小規模共同住宅を除く。）にあっては、ア（６の項に定める構造の階段の上端に近接する廊下等の部分に限る。）及びエに掲げる場所に限る。）は、視覚障害者が円滑に利用できるように、点状ブロック等を敷設し、又は音声その他の方法により視覚障害者を誘導する設備を設けること。ただし、小規模無床診療所、小規模店舗、小規模共同住宅及び小規模興行・遊興施設並びに別表第１の７の項、８の項（寄宿舎の用に供するものに限る。）、９の項及び16の項に掲げる公共的施設にあっては、この限りでない。</t>
  </si>
  <si>
    <t>ア　傾斜路等の上端及び下端</t>
  </si>
  <si>
    <t>２の項に定める構造の傾斜路及び６の項に定める構造の階段の上端及び下端に近接する廊下等の部分</t>
  </si>
  <si>
    <t>イ　踊場</t>
  </si>
  <si>
    <t>２の項に定める構造の傾斜路の傾斜（こう配が20分の１を超えないもの及び高さが16センチメートルを超えず、かつ、こう配が12分の１を超えないものを除く。）がある部分の上端に近接する踊場（駐車場に設けるものを除く。）の部分（傾斜がある部分と連続して手すりを設ける場合はこの限りでない。）</t>
    <phoneticPr fontId="1"/>
  </si>
  <si>
    <t>ウ　主要な出入口等の戸の構造</t>
  </si>
  <si>
    <t>４の項(1)に定める構造の主要な出入口等のうち、それぞれ１以上の主要な出入口等（屋内に設ける改札口及びレジ通路を除く。）又は各利用居室相互間の経路の出口の戸の前後</t>
    <rPh sb="0" eb="81">
      <t>レイガイ</t>
    </rPh>
    <phoneticPr fontId="1"/>
  </si>
  <si>
    <t>エ　階段の上端及び下端</t>
  </si>
  <si>
    <t>６の項に定める構造の階段（駐車場に設けるものを除く。）の段がある部分の上端に近接する踊場の部分（段がある部分と連続して手すりを設ける場合はこの限りでない。）</t>
  </si>
  <si>
    <t>オ　エスカレーターの端部等</t>
  </si>
  <si>
    <t>エスカレーターの端部等、特に視覚障害者の注意を喚起することが必要である場所</t>
  </si>
  <si>
    <t>(3) 手すりへの点字その他の案内設備の設置</t>
  </si>
  <si>
    <t>２の項に定める構造の傾斜路、５の項に定める構造の廊下等及び６の項に定める構造の階段に設ける手すりの端部には、必要に応じて、点字その他の案内設備を設けること。</t>
  </si>
  <si>
    <t>(4) 出入口への点字その他の案内設備の設置</t>
  </si>
  <si>
    <t>８の項に定める構造の便所及び10の項に定める構造の客室の出入口には、点字その他の案内設備を設けること。</t>
  </si>
  <si>
    <t>(5) エスカレーターのくし板</t>
  </si>
  <si>
    <t>エスカレーターを設ける場合には、くし板をステップ部と区別しやすい色とすること。</t>
  </si>
  <si>
    <t>16　聴覚障害者の安全かつ円滑な利用に必要な設備</t>
    <rPh sb="3" eb="5">
      <t>チョウカク</t>
    </rPh>
    <rPh sb="5" eb="8">
      <t>ショウガイシャ</t>
    </rPh>
    <rPh sb="9" eb="11">
      <t>アンゼン</t>
    </rPh>
    <rPh sb="13" eb="15">
      <t>エンカツ</t>
    </rPh>
    <rPh sb="16" eb="18">
      <t>リヨウ</t>
    </rPh>
    <rPh sb="19" eb="21">
      <t>ヒツヨウ</t>
    </rPh>
    <rPh sb="22" eb="24">
      <t>セツビ</t>
    </rPh>
    <phoneticPr fontId="1"/>
  </si>
  <si>
    <t>聴覚障害者が安全かつ円滑に利用できるように、次のように整備すること。</t>
  </si>
  <si>
    <t>(1) 文字情報表示設備の設置</t>
  </si>
  <si>
    <r>
      <t>別表第１の３の項に掲げる医療施</t>
    </r>
    <r>
      <rPr>
        <sz val="9"/>
        <rFont val="ＭＳ 明朝"/>
        <family val="1"/>
        <charset val="128"/>
      </rPr>
      <t>設（</t>
    </r>
    <r>
      <rPr>
        <sz val="8"/>
        <rFont val="ＭＳ ゴシック"/>
        <family val="3"/>
        <charset val="128"/>
      </rPr>
      <t>無床診療所を除く。）及び５の項（(1)又は(2)の用に供するものに限る。）に掲げる商業施設において、利用者（施設を利用し、当該施設においてサービス等の提供を受ける者をいう。以下同じ。）の案内、呼び出しのための窓口等を設ける場合は、文字により情報を表示する設備を１以上の窓口等に設けること。</t>
    </r>
  </si>
  <si>
    <t>(2) 文字表示設備の設置</t>
  </si>
  <si>
    <t>別表第１の１の項、２の（(2)から(4)までの用に供するものに限る。）及び４の項に掲げる公共的施設において、利用者の利用に供する会議室を設ける場合は、スクリーン等を備え、スクリーン等に文字を映し出せる機器を設けること。</t>
  </si>
  <si>
    <t>(3) 難聴者の聴力を補う設備の設置</t>
  </si>
  <si>
    <t>別表第１の１の項、２の項、４の項及び13の項から15の項までに掲げる公共的施設において、利用者の利用に供する客席を設ける場合は、難聴者の聴力を補う設備を設けるよう努めること。</t>
  </si>
  <si>
    <t>(4) 手話通訳者の配置</t>
  </si>
  <si>
    <t>別表第１の１の項に掲げる官公庁施設、２の項(2)に掲げる教育文化施設、３の項に掲げる医療施設（無床診療所を除く。）及び４の項に掲げる福祉施設において、受付等を設ける場合は、手話通訳者を配置するよう努めること。</t>
  </si>
  <si>
    <t>17　休憩、授乳場所等</t>
    <rPh sb="3" eb="5">
      <t>キュウケイ</t>
    </rPh>
    <rPh sb="6" eb="8">
      <t>ジュニュウ</t>
    </rPh>
    <rPh sb="8" eb="10">
      <t>バショ</t>
    </rPh>
    <rPh sb="10" eb="11">
      <t>トウ</t>
    </rPh>
    <phoneticPr fontId="1"/>
  </si>
  <si>
    <t>　利用者の利用に供する休憩、授乳のための場所等を設けるように努めること。</t>
  </si>
  <si>
    <t>○県基準と他都県基準の比較</t>
    <rPh sb="1" eb="2">
      <t>ケン</t>
    </rPh>
    <rPh sb="2" eb="4">
      <t>キジュン</t>
    </rPh>
    <rPh sb="5" eb="6">
      <t>ホカ</t>
    </rPh>
    <rPh sb="6" eb="7">
      <t>ト</t>
    </rPh>
    <rPh sb="7" eb="8">
      <t>ケン</t>
    </rPh>
    <rPh sb="8" eb="10">
      <t>キジュン</t>
    </rPh>
    <rPh sb="11" eb="13">
      <t>ヒカク</t>
    </rPh>
    <phoneticPr fontId="1"/>
  </si>
  <si>
    <t>神奈川県みんなのバリアフリー街づくり条例施行規則</t>
    <rPh sb="0" eb="4">
      <t>カナガワケン</t>
    </rPh>
    <rPh sb="14" eb="15">
      <t>マチ</t>
    </rPh>
    <rPh sb="18" eb="20">
      <t>ジョウレイ</t>
    </rPh>
    <rPh sb="20" eb="22">
      <t>セコウ</t>
    </rPh>
    <rPh sb="22" eb="24">
      <t>キソク</t>
    </rPh>
    <phoneticPr fontId="1"/>
  </si>
  <si>
    <t>横浜市福祉のまちづくり条例（指定施設整備基準）</t>
    <rPh sb="0" eb="3">
      <t>ヨコハマシ</t>
    </rPh>
    <rPh sb="3" eb="5">
      <t>フクシ</t>
    </rPh>
    <rPh sb="11" eb="13">
      <t>ジョウレイ</t>
    </rPh>
    <rPh sb="14" eb="16">
      <t>シテイ</t>
    </rPh>
    <rPh sb="16" eb="18">
      <t>シセツ</t>
    </rPh>
    <rPh sb="18" eb="20">
      <t>セイビ</t>
    </rPh>
    <rPh sb="20" eb="22">
      <t>キジュン</t>
    </rPh>
    <phoneticPr fontId="1"/>
  </si>
  <si>
    <t xml:space="preserve">(1)　視覚障害者誘導用ブロックの構造は、次に掲げるものでなければならない。
ア　大きさは、縦横それぞれ30センチメートル以上とすること。
イ　色は、原則として黄色とすること。
ウ　材質は、十分な強度を有し、滑りにくく、耐久性に優れ、退色しにくく、及び輝度の低下が少ない素材とすること。
</t>
    <phoneticPr fontId="1"/>
  </si>
  <si>
    <t>（３）　用途に供する部分の床面積の合計が１，０００平方メートル以上の建築物で、不特定かつ多数の者が利用し、又は主として高齢者、障害者等が利用する客席を設ける場合は、集団補聴設備を設けなければならない。</t>
    <phoneticPr fontId="1"/>
  </si>
  <si>
    <t>（２）　不特定かつ多数の者が利用し、又は主として高齢者、障害者等が利用する会議室を設ける場合は、スクリーン等を備え、スクリーン等に文字を映し出せる機器を１台以上備えなければならない。</t>
    <phoneticPr fontId="1"/>
  </si>
  <si>
    <t>（１）　別表第１　１建築物の部４の項及び１５の項に掲げる施設その他これらに類する施設の利用者の案内、呼出しのための窓口等の１以上には、文字により情報を表示する設備を設けなければならない。</t>
    <phoneticPr fontId="1"/>
  </si>
  <si>
    <t>(2)　屋外へ通ずる出入口及び直通階段の出入口に、点滅型誘導灯を設けなければならない。</t>
    <phoneticPr fontId="1"/>
  </si>
  <si>
    <t>(1)　音響装置により火災を知らせる警報設備を設けなければならない。</t>
    <phoneticPr fontId="1"/>
  </si>
  <si>
    <t>（検討事項関連項目を抜粋）</t>
    <rPh sb="1" eb="3">
      <t>ケントウ</t>
    </rPh>
    <rPh sb="3" eb="5">
      <t>ジコウ</t>
    </rPh>
    <rPh sb="5" eb="7">
      <t>カンレン</t>
    </rPh>
    <rPh sb="7" eb="9">
      <t>コウモク</t>
    </rPh>
    <rPh sb="10" eb="12">
      <t>バッスイ</t>
    </rPh>
    <phoneticPr fontId="1"/>
  </si>
  <si>
    <t>川崎市福祉のまちづくり条例</t>
    <rPh sb="0" eb="3">
      <t>カワサキシ</t>
    </rPh>
    <rPh sb="3" eb="5">
      <t>フクシ</t>
    </rPh>
    <rPh sb="11" eb="13">
      <t>ジョウレイ</t>
    </rPh>
    <phoneticPr fontId="1"/>
  </si>
  <si>
    <t>(1) 不特定かつ多数の者が利用し、又は主として障害者等が利用する便所を設ける場合（無床診療所、小規模店舗及び小規模興行・遊興施設において設ける場合を除く。）は、だれもが円滑に利用することができるように、次に定める構造の便房（以下「みんなのトイレ」という。）を１以上設けた便所を１以上設けること。ただし、当該便所内に、主たる経路に接続して車いす使用者用便房（政令第14条第１項第１号に規定する車いす使用者が円滑に利用することができるものとして国土交通大臣が定める構造の便房をいう。以下同じ）及び障害者等が円滑に利用できる構造の水洗器具を設けた便房をそれぞれ１以上設けることにより、みんなのトイレを設けた場合と同等以上の機能を有すると認められる場合は、この限りでない。</t>
    <phoneticPr fontId="1"/>
  </si>
  <si>
    <t>(3)　不特定かつ多数の者が利用し、又は主として高齢者、障害者等が利用する便所を設ける場合には、次に掲げる便房を設けた便所をそれぞれ1以上(男子用及び女子用の区別があるときは、それぞれ1以上)設け、当該便房の出入口の戸又はその付近には、その旨の表示をしなければならない。
ア　乳幼児を座らせることができる設備を設けた便房
イ　乳幼児のおむつ交換をすることができる設備を設けた便房</t>
    <phoneticPr fontId="1"/>
  </si>
  <si>
    <t xml:space="preserve">(2)　不特定かつ多数の者が利用し、又は主として高齢者、障害者等が利用する便所を設ける場合には、そのうち1以上(男子用及び女子用の区別があるときは、それぞれ1以上)は、次に掲げるものでなければならない。
ア　便所内に、次に掲げる構造の車椅子使用者用便房を1以上設けること。
　(ア)　車椅子使用者用便房は、分かりやすく利用しやすい位置に設けること。
　(イ)　次に掲げる位置及び構造の手すりを設けること。
　a　腰掛便座の壁側には水平部分と垂直部分を有しそれぞれが連続した手すり(以下「L型手すり」という。)を設け、その反対側には可動式の手すりを設けること。
　　b　L型手すりと可動式の手すりの水平部分の高さを合わせること。
　　c　L型手すりと可動式の手すりの間隔は、70センチメートル以上75センチメートル以下とすること。
　　d　可動式の手すりの先端は、腰掛便座の先端に合わせること。
　　e　L型手すりの垂直部分は、腰掛便座の先端から25センチメートル程度とすること。
　(ウ)　次に掲げる位置及び構造の腰掛便座を設けること。
　　a　腰掛便座は、便座の中心から両側の手すりが同距離になるよう設置すること。
　　b　腰掛便座の座面の高さは、車椅子の座面の高さに合わせること。
　　c　便器の洗浄ボタンは、高齢者、障害者等が円滑に操作できるものとすること。
　(エ)　車椅子使用者が円滑に利用することができるよう十分な空間が確保されていること。
　(オ)　次に掲げる高齢者、障害者等が円滑に利用できる構造の洗面台を設けること。
　　a　洗面器の水栓は、高齢者、障害者等が円滑に操作できるものとすること。
　　b　洗面器の下端の高さは、床面から65センチメートル以上70センチメートル以下とし、車椅子使用者の膝が入るようにすること。
　　c　洗面台の鏡は、床面から90センチメートル以下の位置から上方へ垂直に80センチメートル以上の長さで設けること。
　(カ)　紙巻器は、腰掛便座から手の届く位置に設けること。
　(キ)　非常用呼出しボタンは、腰掛便座から手の届く位置及び高齢者、障害者等が転倒した場合でも手の届く位置に設けること。
　(ク)　戸の横に幅30センチメートル以上の袖壁を設けること。ただし、自動的に開閉する構造で、車椅子使用者が容易に開閉して通過できる構造の場合を除く。
　(ケ)　当該便房の出入口の戸又はその付近に車椅子使用者が円滑に利用できる旨の表示を行うこと。
イ　便所内に、高齢者、障害者等が円滑に利用することができる次に掲げる構造の水洗器具を設けた便房を1以上設けること。
　(ア)　当該便房の出入口の戸又はその付近に水洗器具を設けた便房である旨の表示を行うこと。
　(イ)　専用の汚物流し、水栓、洗浄ボタン、紙巻器、汚物入れ、棚及びフックを適切に設けること。
</t>
    <phoneticPr fontId="1"/>
  </si>
  <si>
    <t>(1)　不特定かつ多数の者が利用し、又は主として高齢者、障害者等が利用する便所を設ける場合には、当該便所の全ては、次に掲げるものでなければならない。
ア　床面は、粗面とし、又は滑りにくい材料で仕上げること。
イ　便所の出入口に戸を設ける場合には、高齢者、障害者等が容易に開閉して通過できる構造とすること。
ウ　出入口の幅は、80センチメートル以上とすること。
エ　次に掲げる洗面台を1以上(当該便所に男子用及び女子用の区別があるときは、それぞれ1以上)設けること。
　(ア)　洗面器(乳幼児用のものを除く。)の手前及び両側に手すりを設けること。ただし、当該洗面器が荷重に対し必要な強度を有し、身体を支持することができる場合は、手前に設けることを要しない。
　(イ)　洗面器の水栓は、高齢者、障害者等が円滑に操作できるものとすること。
　(ウ)　洗面台の鏡は、床面から90センチメートル以下の位置から上方へ垂直に80センチメートル以上の長さで設けること。
オ　男子用小便器を設ける場合には、そのうち1以上は、次に掲げるものであること。
　(ア)　床置式の小便器、壁掛式の小便器(受け口の高さが35センチメートル以下のものに限る。)その他これらに類する小便器とすること。
　(イ)　前面及び両側に手すりを設けること。ただし、乳幼児用の男子用小便器を除く。
　(ウ)　前面に設ける手すりは、男子用小便器の面と合わせること。
　(エ)　前面に、車椅子使用者が円滑に利用することができるよう十分な空間を確保すること。
カ　車椅子使用者用便房以外の便房を設ける場合には、そのうち1以上(男子用及び女子用の区別があるときは、それぞれ1以上)は、次に掲げるものであること。
　(ア)　手すりを設けること。
　(イ)　戸は、高齢者、障害者等が容易に開閉して通過できる構造とすること。　　　
　(ウ)　便器は、腰掛便座とすること。</t>
    <phoneticPr fontId="1"/>
  </si>
  <si>
    <t xml:space="preserve">利用者の利用に供する便所を設ける場合には、そのうち１以上（男子用及び女子用の区別があるときは、それぞれ１以上）は、次に定める構造とすること。ただし、別表第１の８（（５）の施設に限る。）及び用途面積が２００平方メートル未満の同表の８（（６）の施設に限る。）に掲げる公共的施設は、この限りでない。
（１）　便所内に、車椅子使用者用便房を１以上設けることとし、当該車椅子使用者用便房及び当該便房が設けられている便所は次に定める構造とすること。ただし、用途面積が３００平方メートル未満の別表第１の３（（２）の施設に限る。）に掲げる公共的施設並びに用途面積が５００平方メートル未満の同表の８（（６）から（１１）までの施設に限る。）及び１１（（４）の施設に限る。）に掲げる公共的施設においては、この限りでない。
ア　床の表面は、滑りにくい材料で仕上げること。
イ　車椅子使用者用便房及び当該便房が設けられている便所の出入口の幅は、８０センチメートル以上とすること。
ウ　車椅子使用者用便房及び当該便房が設けられている便所の出入口に戸を設ける場合には、自動的に開閉する構造その他の車椅子使用者が容易に開閉して通過できる構造とし、かつ、その前後に高低差がないこと。
エ　車椅子使用者用便房内の便器は、腰掛式とし、手すりを設けること。
オ　車椅子使用者用便房の幅及び奥行きの内法は、それぞれ２００センチメートル以上とすること。ただし、構造上やむを得ない場合は、一方を１５０センチメートル以上とすることができる。
カ　車椅子使用者用便房及び当該便房が設けられている便所内には、高齢者、障害者等が円滑に利用できる構造の洗面器を設けること。
キ　車椅子使用者用便房内の附属器具は、高齢者、障害者等が円滑に利用できるものとし、緊急通報装置を必要に応じて設けること。
ク　男子用小便器を設ける場合には、床置式の小便器、壁掛式の小便器（受け口の高さが３５センチメートル以下のものに限る。）その他これらに類する小便器を１以上設けることとし、当該小便器に手すりを設けること。
ケ　車椅子使用者用便房内に荷物台を設置するよう努めること。
コ　車椅子使用者用便房が設けられている便所は、直接地上へ通じる出入口のある階及び施設規模に応じて複数階に設けるよう努めること。
</t>
    <phoneticPr fontId="1"/>
  </si>
  <si>
    <t>（３）　便所内に、乳幼児を同伴する者が当該乳幼児を座らせることができる設備を設けた便房を１以上設けることとし、当該便所の床の表面は、滑りにくい材料で仕上げること。ただし、別表第１の４（（１）の施設に限る。）、８（（９）の施設に限る。）、９、１０及び１１（（８）の施設に限る。）に掲げる公共的施設、用途面積が３００平方メートル未満の同表の３（（２）の施設に限る。）、４（（３）及び（４）の施設に限る。）、８（（９）の施設を除く。）及び１１（（３）の施設に限る。）に掲げる公共的施設並びに１，０００平方メートル未満の同表の２、４（（２）の施設に限る。）、７及び１１（（５）から（７）までの施設に限る。）に掲げる公共的施設にあっては、乳幼児を座らせることができる設備を設けた便房を１以上設けるよう努めること。</t>
    <phoneticPr fontId="1"/>
  </si>
  <si>
    <t xml:space="preserve">（４）　（１）の車椅子使用者用便房が設けられている便所以外に利用者の利用に供する便所を設ける場合には、１以上（男子用及び女子用の区別があるときは、それぞれ１以上）の便所は、次に定める構造とすること。
ア　床の表面は、滑りにくい材料で仕上げること。
イ　便所及び便房の出入口に戸を設ける場合には、高齢者、障害者等が容易に開閉して通過できる構造とし、かつ、その前後に高低差がないこと。
ウ　１以上の便器は、腰掛式とし、手すりを設けること。
エ　高齢者、障害者等が円滑に利用できる構造の洗面器を１以上設けること。
オ　男子用小便器を設ける場合には、床置式の小便器、壁掛式の小便器（受け口の高さが３５センチメートル以下のものに限る。）その他これらに類する小便器を１以上設けることとし、当該小便器には手すりを設けること。
（５）　（２）から（４）までに定める便所及び便房は、次に定める構造とするよう努めること。
ア　出入口の幅は、８０センチメートル以上とすること。
イ　車椅子使用者が円滑に利用することができるよう十分な空間が確保されていること。
（６）　（１）から（４）までに定める便所の出入口には、点字その他の方法による案内を設けるよう努めること。
</t>
    <phoneticPr fontId="1"/>
  </si>
  <si>
    <t>（１）　用途面積が１，０００平方メートル以上の別表第１の１、２（（１）の施設を除く。）、３、４（（２）から（４）までの施設に限る。）、７、８（（５）及び（９）の施設を除く。）、１１（（８）の施設を除く。）及び１３に掲げる公共的施設には、乳幼児等用施設をそれぞれ１以上設けることとし、乳幼児等用施設は、４の（２）に定める構造の廊下に面して設け、かつ、出入口の幅は８０センチメートル以上とすること。</t>
    <phoneticPr fontId="1"/>
  </si>
  <si>
    <t>（２）　用途面積が１，０００平方メートル未満の別表第１の１、２（（１）の施設を除く。）、３、４（（２）から（４）までの施設に限る。）、７、８（（９）の施設を除く。）及び１１（（８）の施設を除く。）に掲げる公共的施設にあっては、（１）に定める構造の乳幼児等用施設をそれぞれ１以上設けるよう努めること。</t>
    <phoneticPr fontId="1"/>
  </si>
  <si>
    <t>(１)　別表第１の１、３(１)及び８（(１)から(４)までの施設に限る。）に掲げる公共的施設において、利用者の案内又は呼び出しのための窓口等を設ける場合は、聴覚障害者の利用状況を考慮し、文字により情報を表示する設備を１以上の窓口等に設けること。</t>
    <phoneticPr fontId="1"/>
  </si>
  <si>
    <t>聴覚障害者が安全かつ円滑に利用できるように、次のように整備すること。</t>
    <phoneticPr fontId="1"/>
  </si>
  <si>
    <t>(２)　別表第１の１、２（(１)の施設を除く。）及び４（(３)及び(４)の施設に限る。）に掲げる公共的施設において、利用者の利用に供する会議室を設ける場合は、聴覚障害者の利用状況を考慮し、スクリーン等を備え、スクリーン等に文字を映し出せる機器を備えること。</t>
    <phoneticPr fontId="1"/>
  </si>
  <si>
    <t>(３)　別表第１の１、２（(１)の施設を除く。）、４及び11（(４)、(６)及び(７)の施設に限る。）に掲げる公共的施設において、利用者の利用に供する客席を設ける場合は、難聴者の聴力を補う設備を設けるよう努めること。</t>
    <phoneticPr fontId="1"/>
  </si>
  <si>
    <t>エ　形状は、次のとおりとすること。
(ア)　突起の形状は、視覚障害者が認識しやすいものとすること。
(イ)　移動の方向を示す場合は、線状の突起とすること。
(ウ)　視覚障害者の注意を喚起し、警告を促す場合は、点状の突起とすること。
(2)　階段、段及び傾斜路の手すりの始終端部には、必要に応じ、点字による案内のための表示を行わなければならない。
(3)　エスカレーターを設ける場合は、くし板をステップ部分と区別しやすい色としなければならない。
(4)　視覚障害者が利用することの多い施設の出入口の1以上には、音声による誘導装置を設けなければならない。</t>
    <phoneticPr fontId="1"/>
  </si>
  <si>
    <t>（２）　便所内に、高齢者、障害者等が円滑に利用することができる構造の水洗器具を設けた便房を１以上設けることとし、当該便所の床の表面は、滑りにくい材料で仕上げること。ただし、用途面積が３００平方メートル未満の別表第１の３（（２）の施設に限る。）に掲げる公共的施設並びに用途面積が５００平方メートル未満の同表の８（（６）から（１１）までの施設に限る。）及び１１（（４）の施設に限る。）に掲げる公共的施設においては、この限りでない。</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6">
    <font>
      <sz val="12"/>
      <color theme="1"/>
      <name val="ＭＳ 明朝"/>
      <family val="2"/>
      <charset val="128"/>
    </font>
    <font>
      <sz val="6"/>
      <name val="ＭＳ 明朝"/>
      <family val="2"/>
      <charset val="128"/>
    </font>
    <font>
      <sz val="12"/>
      <name val="ＭＳ 明朝"/>
      <family val="2"/>
      <charset val="128"/>
    </font>
    <font>
      <sz val="18"/>
      <name val="ＭＳ ゴシック"/>
      <family val="3"/>
      <charset val="128"/>
    </font>
    <font>
      <sz val="14"/>
      <name val="ＭＳ ゴシック"/>
      <family val="3"/>
      <charset val="128"/>
    </font>
    <font>
      <b/>
      <sz val="11"/>
      <name val="ＭＳ ゴシック"/>
      <family val="3"/>
      <charset val="128"/>
    </font>
    <font>
      <sz val="8"/>
      <name val="ＭＳ ゴシック"/>
      <family val="3"/>
      <charset val="128"/>
    </font>
    <font>
      <sz val="11"/>
      <name val="ＭＳ ゴシック"/>
      <family val="3"/>
      <charset val="128"/>
    </font>
    <font>
      <u/>
      <sz val="8"/>
      <name val="ＭＳ ゴシック"/>
      <family val="3"/>
      <charset val="128"/>
    </font>
    <font>
      <sz val="10.5"/>
      <name val="ＭＳ ゴシック"/>
      <family val="3"/>
      <charset val="128"/>
    </font>
    <font>
      <sz val="9"/>
      <name val="ＭＳ 明朝"/>
      <family val="1"/>
      <charset val="128"/>
    </font>
    <font>
      <b/>
      <sz val="12"/>
      <color theme="1"/>
      <name val="ＭＳ ゴシック"/>
      <family val="3"/>
      <charset val="128"/>
    </font>
    <font>
      <sz val="12"/>
      <name val="ＭＳ ゴシック"/>
      <family val="3"/>
      <charset val="128"/>
    </font>
    <font>
      <sz val="8"/>
      <color rgb="FF111111"/>
      <name val="ＭＳ Ｐゴシック"/>
      <family val="3"/>
      <charset val="128"/>
    </font>
    <font>
      <b/>
      <sz val="12"/>
      <name val="ＭＳ ゴシック"/>
      <family val="3"/>
      <charset val="128"/>
    </font>
    <font>
      <sz val="8"/>
      <color theme="1"/>
      <name val="ＭＳ ゴシック"/>
      <family val="3"/>
      <charset val="128"/>
    </font>
  </fonts>
  <fills count="3">
    <fill>
      <patternFill patternType="none"/>
    </fill>
    <fill>
      <patternFill patternType="gray125"/>
    </fill>
    <fill>
      <patternFill patternType="solid">
        <fgColor theme="8" tint="0.39997558519241921"/>
        <bgColor indexed="64"/>
      </patternFill>
    </fill>
  </fills>
  <borders count="37">
    <border>
      <left/>
      <right/>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medium">
        <color indexed="64"/>
      </right>
      <top style="thin">
        <color indexed="64"/>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style="thin">
        <color indexed="64"/>
      </top>
      <bottom/>
      <diagonal/>
    </border>
    <border>
      <left style="thin">
        <color indexed="64"/>
      </left>
      <right style="medium">
        <color indexed="64"/>
      </right>
      <top style="thin">
        <color indexed="64"/>
      </top>
      <bottom/>
      <diagonal/>
    </border>
    <border>
      <left style="thin">
        <color indexed="64"/>
      </left>
      <right style="medium">
        <color indexed="64"/>
      </right>
      <top/>
      <bottom/>
      <diagonal/>
    </border>
    <border>
      <left style="medium">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style="medium">
        <color indexed="64"/>
      </bottom>
      <diagonal/>
    </border>
    <border>
      <left/>
      <right style="medium">
        <color indexed="64"/>
      </right>
      <top style="medium">
        <color indexed="64"/>
      </top>
      <bottom/>
      <diagonal/>
    </border>
    <border>
      <left style="medium">
        <color indexed="64"/>
      </left>
      <right/>
      <top style="medium">
        <color indexed="64"/>
      </top>
      <bottom/>
      <diagonal/>
    </border>
    <border>
      <left style="medium">
        <color indexed="64"/>
      </left>
      <right/>
      <top/>
      <bottom style="medium">
        <color indexed="64"/>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diagonal/>
    </border>
  </borders>
  <cellStyleXfs count="1">
    <xf numFmtId="0" fontId="0" fillId="0" borderId="0">
      <alignment vertical="center"/>
    </xf>
  </cellStyleXfs>
  <cellXfs count="82">
    <xf numFmtId="0" fontId="0" fillId="0" borderId="0" xfId="0">
      <alignment vertical="center"/>
    </xf>
    <xf numFmtId="0" fontId="6" fillId="0" borderId="0" xfId="0" applyFont="1" applyFill="1" applyBorder="1" applyAlignment="1">
      <alignment horizontal="justify" vertical="top" wrapText="1"/>
    </xf>
    <xf numFmtId="0" fontId="2" fillId="0" borderId="0" xfId="0" applyFont="1" applyFill="1" applyBorder="1">
      <alignment vertical="center"/>
    </xf>
    <xf numFmtId="0" fontId="3" fillId="0" borderId="0" xfId="0" applyFont="1" applyFill="1" applyBorder="1" applyAlignment="1">
      <alignment horizontal="left" vertical="top"/>
    </xf>
    <xf numFmtId="0" fontId="2" fillId="0" borderId="0" xfId="0" applyFont="1" applyFill="1" applyBorder="1" applyAlignment="1">
      <alignment vertical="top"/>
    </xf>
    <xf numFmtId="0" fontId="0" fillId="0" borderId="0" xfId="0" applyFill="1">
      <alignment vertical="center"/>
    </xf>
    <xf numFmtId="0" fontId="12" fillId="0" borderId="0" xfId="0" applyFont="1" applyFill="1" applyBorder="1" applyAlignment="1">
      <alignment horizontal="left" vertical="top"/>
    </xf>
    <xf numFmtId="0" fontId="4" fillId="0" borderId="0" xfId="0" applyFont="1" applyFill="1" applyBorder="1" applyAlignment="1">
      <alignment horizontal="left" vertical="top"/>
    </xf>
    <xf numFmtId="0" fontId="7" fillId="0" borderId="0" xfId="0" applyFont="1" applyFill="1" applyBorder="1" applyAlignment="1">
      <alignment horizontal="left" vertical="top"/>
    </xf>
    <xf numFmtId="0" fontId="9" fillId="0" borderId="0" xfId="0" applyFont="1" applyFill="1" applyBorder="1" applyAlignment="1">
      <alignment horizontal="justify" vertical="top"/>
    </xf>
    <xf numFmtId="0" fontId="6" fillId="0" borderId="0" xfId="0" applyFont="1" applyFill="1" applyBorder="1" applyAlignment="1">
      <alignment horizontal="justify" vertical="top"/>
    </xf>
    <xf numFmtId="0" fontId="11" fillId="2" borderId="1" xfId="0" applyFont="1" applyFill="1" applyBorder="1" applyAlignment="1">
      <alignment horizontal="center" vertical="center"/>
    </xf>
    <xf numFmtId="0" fontId="13" fillId="0" borderId="2" xfId="0" applyFont="1" applyFill="1" applyBorder="1" applyAlignment="1">
      <alignment horizontal="left" vertical="top" wrapText="1"/>
    </xf>
    <xf numFmtId="0" fontId="6" fillId="0" borderId="11" xfId="0" applyFont="1" applyFill="1" applyBorder="1" applyAlignment="1">
      <alignment horizontal="justify" vertical="top" wrapText="1"/>
    </xf>
    <xf numFmtId="0" fontId="6" fillId="0" borderId="12" xfId="0" applyFont="1" applyFill="1" applyBorder="1" applyAlignment="1">
      <alignment horizontal="justify" vertical="top" wrapText="1"/>
    </xf>
    <xf numFmtId="0" fontId="6" fillId="0" borderId="14" xfId="0" applyFont="1" applyFill="1" applyBorder="1" applyAlignment="1">
      <alignment horizontal="justify" vertical="top" wrapText="1"/>
    </xf>
    <xf numFmtId="0" fontId="15" fillId="0" borderId="0" xfId="0" applyFont="1" applyFill="1" applyAlignment="1">
      <alignment vertical="top" wrapText="1"/>
    </xf>
    <xf numFmtId="0" fontId="6" fillId="0" borderId="16" xfId="0" applyFont="1" applyFill="1" applyBorder="1" applyAlignment="1">
      <alignment horizontal="justify" vertical="top" wrapText="1"/>
    </xf>
    <xf numFmtId="0" fontId="6" fillId="0" borderId="17" xfId="0" applyFont="1" applyFill="1" applyBorder="1" applyAlignment="1">
      <alignment horizontal="justify" vertical="top" wrapText="1"/>
    </xf>
    <xf numFmtId="0" fontId="0" fillId="0" borderId="3" xfId="0" applyFill="1" applyBorder="1">
      <alignment vertical="center"/>
    </xf>
    <xf numFmtId="0" fontId="0" fillId="0" borderId="4" xfId="0" applyFill="1" applyBorder="1">
      <alignment vertical="center"/>
    </xf>
    <xf numFmtId="0" fontId="6" fillId="0" borderId="18" xfId="0" applyFont="1" applyFill="1" applyBorder="1" applyAlignment="1">
      <alignment horizontal="justify" vertical="top" wrapText="1"/>
    </xf>
    <xf numFmtId="0" fontId="6" fillId="0" borderId="19" xfId="0" applyFont="1" applyFill="1" applyBorder="1" applyAlignment="1">
      <alignment horizontal="justify" vertical="top" wrapText="1"/>
    </xf>
    <xf numFmtId="0" fontId="15" fillId="0" borderId="4" xfId="0" applyFont="1" applyFill="1" applyBorder="1" applyAlignment="1">
      <alignment vertical="top" wrapText="1"/>
    </xf>
    <xf numFmtId="0" fontId="6" fillId="0" borderId="24" xfId="0" applyFont="1" applyFill="1" applyBorder="1" applyAlignment="1">
      <alignment horizontal="justify" vertical="top" wrapText="1"/>
    </xf>
    <xf numFmtId="0" fontId="6" fillId="0" borderId="21" xfId="0" applyFont="1" applyFill="1" applyBorder="1" applyAlignment="1">
      <alignment horizontal="justify" vertical="top" wrapText="1"/>
    </xf>
    <xf numFmtId="0" fontId="6" fillId="0" borderId="28" xfId="0" applyFont="1" applyFill="1" applyBorder="1" applyAlignment="1">
      <alignment horizontal="justify" vertical="top" wrapText="1"/>
    </xf>
    <xf numFmtId="0" fontId="15" fillId="0" borderId="4" xfId="0" applyFont="1" applyFill="1" applyBorder="1" applyAlignment="1">
      <alignment horizontal="left" vertical="top" wrapText="1"/>
    </xf>
    <xf numFmtId="0" fontId="6" fillId="0" borderId="29" xfId="0" applyFont="1" applyFill="1" applyBorder="1" applyAlignment="1">
      <alignment horizontal="justify" vertical="top" wrapText="1"/>
    </xf>
    <xf numFmtId="0" fontId="6" fillId="0" borderId="24" xfId="0" applyFont="1" applyFill="1" applyBorder="1" applyAlignment="1">
      <alignment horizontal="justify" vertical="top"/>
    </xf>
    <xf numFmtId="0" fontId="2" fillId="0" borderId="21" xfId="0" applyFont="1" applyFill="1" applyBorder="1" applyAlignment="1">
      <alignment vertical="top"/>
    </xf>
    <xf numFmtId="0" fontId="13" fillId="0" borderId="30" xfId="0" applyFont="1" applyFill="1" applyBorder="1" applyAlignment="1">
      <alignment horizontal="left" vertical="top" wrapText="1"/>
    </xf>
    <xf numFmtId="0" fontId="13" fillId="0" borderId="20" xfId="0" applyFont="1" applyFill="1" applyBorder="1" applyAlignment="1">
      <alignment horizontal="left" vertical="top" wrapText="1"/>
    </xf>
    <xf numFmtId="0" fontId="15" fillId="0" borderId="20" xfId="0" applyFont="1" applyFill="1" applyBorder="1" applyAlignment="1">
      <alignment horizontal="left" vertical="top" wrapText="1"/>
    </xf>
    <xf numFmtId="0" fontId="15" fillId="0" borderId="34" xfId="0" applyFont="1" applyFill="1" applyBorder="1" applyAlignment="1">
      <alignment vertical="top" wrapText="1"/>
    </xf>
    <xf numFmtId="0" fontId="6" fillId="0" borderId="35" xfId="0" applyFont="1" applyFill="1" applyBorder="1" applyAlignment="1">
      <alignment horizontal="justify" vertical="top" wrapText="1"/>
    </xf>
    <xf numFmtId="0" fontId="15" fillId="0" borderId="2" xfId="0" applyFont="1" applyFill="1" applyBorder="1" applyAlignment="1">
      <alignment horizontal="left" vertical="top" wrapText="1"/>
    </xf>
    <xf numFmtId="0" fontId="15" fillId="0" borderId="30" xfId="0" applyFont="1" applyFill="1" applyBorder="1" applyAlignment="1">
      <alignment horizontal="left" vertical="top" wrapText="1"/>
    </xf>
    <xf numFmtId="0" fontId="15" fillId="0" borderId="3" xfId="0" applyFont="1" applyFill="1" applyBorder="1" applyAlignment="1">
      <alignment vertical="top" wrapText="1"/>
    </xf>
    <xf numFmtId="0" fontId="15" fillId="0" borderId="30" xfId="0" applyFont="1" applyFill="1" applyBorder="1" applyAlignment="1">
      <alignment vertical="top" wrapText="1"/>
    </xf>
    <xf numFmtId="0" fontId="6" fillId="0" borderId="10" xfId="0" applyFont="1" applyFill="1" applyBorder="1" applyAlignment="1">
      <alignment horizontal="justify" vertical="top" wrapText="1"/>
    </xf>
    <xf numFmtId="0" fontId="6" fillId="0" borderId="5" xfId="0" applyFont="1" applyFill="1" applyBorder="1" applyAlignment="1">
      <alignment horizontal="justify" vertical="top" wrapText="1"/>
    </xf>
    <xf numFmtId="0" fontId="6" fillId="0" borderId="13" xfId="0" applyFont="1" applyFill="1" applyBorder="1" applyAlignment="1">
      <alignment horizontal="justify" vertical="top" wrapText="1"/>
    </xf>
    <xf numFmtId="0" fontId="6" fillId="0" borderId="27" xfId="0" applyFont="1" applyFill="1" applyBorder="1" applyAlignment="1">
      <alignment horizontal="justify" vertical="top" wrapText="1"/>
    </xf>
    <xf numFmtId="0" fontId="6" fillId="0" borderId="15" xfId="0" applyFont="1" applyFill="1" applyBorder="1" applyAlignment="1">
      <alignment horizontal="justify" vertical="top" wrapText="1"/>
    </xf>
    <xf numFmtId="0" fontId="6" fillId="0" borderId="25" xfId="0" applyFont="1" applyFill="1" applyBorder="1" applyAlignment="1">
      <alignment horizontal="justify" vertical="top" wrapText="1"/>
    </xf>
    <xf numFmtId="0" fontId="6" fillId="0" borderId="8" xfId="0" applyFont="1" applyFill="1" applyBorder="1" applyAlignment="1">
      <alignment horizontal="justify" vertical="top" wrapText="1"/>
    </xf>
    <xf numFmtId="0" fontId="6" fillId="0" borderId="9" xfId="0" applyFont="1" applyFill="1" applyBorder="1" applyAlignment="1">
      <alignment horizontal="justify" vertical="top" wrapText="1"/>
    </xf>
    <xf numFmtId="0" fontId="6" fillId="0" borderId="23" xfId="0" applyFont="1" applyFill="1" applyBorder="1" applyAlignment="1">
      <alignment vertical="top" wrapText="1"/>
    </xf>
    <xf numFmtId="0" fontId="6" fillId="0" borderId="22" xfId="0" applyFont="1" applyFill="1" applyBorder="1" applyAlignment="1">
      <alignment vertical="top"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6" fillId="0" borderId="15" xfId="0" applyFont="1" applyFill="1" applyBorder="1" applyAlignment="1">
      <alignment horizontal="justify" vertical="top" wrapText="1"/>
    </xf>
    <xf numFmtId="0" fontId="6" fillId="0" borderId="25" xfId="0" applyFont="1" applyFill="1" applyBorder="1" applyAlignment="1">
      <alignment horizontal="justify" vertical="top" wrapText="1"/>
    </xf>
    <xf numFmtId="0" fontId="6" fillId="0" borderId="26" xfId="0" applyFont="1" applyFill="1" applyBorder="1" applyAlignment="1">
      <alignment horizontal="justify" vertical="top" wrapText="1"/>
    </xf>
    <xf numFmtId="0" fontId="6" fillId="0" borderId="8" xfId="0" applyFont="1" applyFill="1" applyBorder="1" applyAlignment="1">
      <alignment horizontal="justify" vertical="top" wrapText="1"/>
    </xf>
    <xf numFmtId="0" fontId="6" fillId="0" borderId="9" xfId="0" applyFont="1" applyFill="1" applyBorder="1" applyAlignment="1">
      <alignment horizontal="justify" vertical="top" wrapText="1"/>
    </xf>
    <xf numFmtId="0" fontId="14" fillId="2" borderId="6" xfId="0" applyFont="1" applyFill="1" applyBorder="1" applyAlignment="1">
      <alignment horizontal="center" vertical="center" wrapText="1"/>
    </xf>
    <xf numFmtId="0" fontId="14" fillId="2" borderId="7" xfId="0" applyFont="1" applyFill="1" applyBorder="1" applyAlignment="1">
      <alignment horizontal="center" vertical="center" wrapText="1"/>
    </xf>
    <xf numFmtId="0" fontId="6" fillId="0" borderId="32" xfId="0" applyFont="1" applyFill="1" applyBorder="1" applyAlignment="1">
      <alignment horizontal="justify" vertical="top" wrapText="1"/>
    </xf>
    <xf numFmtId="0" fontId="6" fillId="0" borderId="33" xfId="0" applyFont="1" applyFill="1" applyBorder="1" applyAlignment="1">
      <alignment horizontal="justify" vertical="top" wrapText="1"/>
    </xf>
    <xf numFmtId="0" fontId="6" fillId="0" borderId="10" xfId="0" applyFont="1" applyFill="1" applyBorder="1" applyAlignment="1">
      <alignment horizontal="justify" vertical="top" wrapText="1"/>
    </xf>
    <xf numFmtId="0" fontId="6" fillId="0" borderId="5" xfId="0" applyFont="1" applyFill="1" applyBorder="1" applyAlignment="1">
      <alignment horizontal="justify" vertical="top" wrapText="1"/>
    </xf>
    <xf numFmtId="0" fontId="6" fillId="0" borderId="13" xfId="0" applyFont="1" applyFill="1" applyBorder="1" applyAlignment="1">
      <alignment horizontal="justify" vertical="top" wrapText="1"/>
    </xf>
    <xf numFmtId="0" fontId="6" fillId="0" borderId="27" xfId="0" applyFont="1" applyFill="1" applyBorder="1" applyAlignment="1">
      <alignment horizontal="justify" vertical="top" wrapText="1"/>
    </xf>
    <xf numFmtId="0" fontId="15" fillId="0" borderId="2" xfId="0" applyFont="1" applyFill="1" applyBorder="1" applyAlignment="1">
      <alignment horizontal="left" vertical="top" wrapText="1"/>
    </xf>
    <xf numFmtId="0" fontId="15" fillId="0" borderId="3" xfId="0" applyFont="1" applyFill="1" applyBorder="1" applyAlignment="1">
      <alignment horizontal="left" vertical="top" wrapText="1"/>
    </xf>
    <xf numFmtId="0" fontId="15" fillId="0" borderId="31" xfId="0" applyFont="1" applyFill="1" applyBorder="1" applyAlignment="1">
      <alignment horizontal="left" vertical="top" wrapText="1"/>
    </xf>
    <xf numFmtId="0" fontId="15" fillId="0" borderId="30" xfId="0" applyFont="1" applyFill="1" applyBorder="1" applyAlignment="1">
      <alignment horizontal="left" vertical="top" wrapText="1"/>
    </xf>
    <xf numFmtId="0" fontId="15" fillId="0" borderId="2" xfId="0" applyFont="1" applyFill="1" applyBorder="1" applyAlignment="1">
      <alignment vertical="top" wrapText="1"/>
    </xf>
    <xf numFmtId="0" fontId="15" fillId="0" borderId="3" xfId="0" applyFont="1" applyFill="1" applyBorder="1" applyAlignment="1">
      <alignment vertical="top" wrapText="1"/>
    </xf>
    <xf numFmtId="0" fontId="15" fillId="0" borderId="30" xfId="0" applyFont="1" applyFill="1" applyBorder="1" applyAlignment="1">
      <alignment vertical="top" wrapText="1"/>
    </xf>
    <xf numFmtId="0" fontId="15" fillId="0" borderId="31" xfId="0" applyFont="1" applyFill="1" applyBorder="1" applyAlignment="1">
      <alignment vertical="top" wrapText="1"/>
    </xf>
    <xf numFmtId="0" fontId="6" fillId="0" borderId="22" xfId="0" applyFont="1" applyFill="1" applyBorder="1" applyAlignment="1">
      <alignment horizontal="justify" vertical="top" wrapText="1"/>
    </xf>
    <xf numFmtId="0" fontId="14" fillId="0" borderId="0" xfId="0" applyFont="1" applyFill="1" applyBorder="1" applyAlignment="1">
      <alignment horizontal="center" vertical="center" wrapText="1"/>
    </xf>
    <xf numFmtId="0" fontId="5" fillId="0" borderId="0" xfId="0" applyFont="1" applyFill="1" applyBorder="1" applyAlignment="1">
      <alignment horizontal="center" vertical="center" wrapText="1"/>
    </xf>
    <xf numFmtId="0" fontId="6" fillId="0" borderId="0" xfId="0" applyFont="1" applyFill="1" applyBorder="1" applyAlignment="1">
      <alignment vertical="top" wrapText="1"/>
    </xf>
    <xf numFmtId="0" fontId="15" fillId="0" borderId="0" xfId="0" applyFont="1" applyFill="1" applyBorder="1" applyAlignment="1">
      <alignment vertical="top" wrapText="1"/>
    </xf>
    <xf numFmtId="0" fontId="0" fillId="0" borderId="0" xfId="0" applyFill="1" applyBorder="1">
      <alignment vertical="center"/>
    </xf>
    <xf numFmtId="0" fontId="11" fillId="0" borderId="0" xfId="0" applyFont="1" applyFill="1" applyBorder="1" applyAlignment="1">
      <alignment horizontal="center" vertical="center"/>
    </xf>
    <xf numFmtId="0" fontId="13" fillId="0" borderId="0" xfId="0" applyFont="1" applyFill="1" applyBorder="1" applyAlignment="1">
      <alignment horizontal="left" vertical="top" wrapText="1"/>
    </xf>
    <xf numFmtId="0" fontId="6" fillId="0" borderId="36" xfId="0" applyFont="1" applyFill="1" applyBorder="1" applyAlignment="1">
      <alignment horizontal="justify"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xdr:col>
      <xdr:colOff>3141980</xdr:colOff>
      <xdr:row>0</xdr:row>
      <xdr:rowOff>12700</xdr:rowOff>
    </xdr:from>
    <xdr:to>
      <xdr:col>6</xdr:col>
      <xdr:colOff>4272280</xdr:colOff>
      <xdr:row>1</xdr:row>
      <xdr:rowOff>30480</xdr:rowOff>
    </xdr:to>
    <xdr:sp macro="" textlink="">
      <xdr:nvSpPr>
        <xdr:cNvPr id="2" name="テキスト ボックス 1"/>
        <xdr:cNvSpPr txBox="1"/>
      </xdr:nvSpPr>
      <xdr:spPr>
        <a:xfrm>
          <a:off x="11904980" y="12700"/>
          <a:ext cx="1130300" cy="28448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200">
              <a:latin typeface="ＭＳ ゴシック" panose="020B0609070205080204" pitchFamily="49" charset="-128"/>
              <a:ea typeface="ＭＳ ゴシック" panose="020B0609070205080204" pitchFamily="49" charset="-128"/>
            </a:rPr>
            <a:t>参考資料</a:t>
          </a:r>
          <a:r>
            <a:rPr kumimoji="1" lang="en-US" altLang="ja-JP" sz="1200">
              <a:latin typeface="ＭＳ ゴシック" panose="020B0609070205080204" pitchFamily="49" charset="-128"/>
              <a:ea typeface="ＭＳ ゴシック" panose="020B0609070205080204" pitchFamily="49" charset="-128"/>
            </a:rPr>
            <a:t>10</a:t>
          </a:r>
          <a:endParaRPr kumimoji="1" lang="ja-JP" altLang="en-US" sz="1200">
            <a:latin typeface="ＭＳ ゴシック" panose="020B0609070205080204" pitchFamily="49" charset="-128"/>
            <a:ea typeface="ＭＳ ゴシック" panose="020B0609070205080204"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G99"/>
  <sheetViews>
    <sheetView tabSelected="1" view="pageLayout" zoomScale="68" zoomScaleNormal="131" zoomScalePageLayoutView="68" workbookViewId="0">
      <selection activeCell="B6" sqref="B6:C6"/>
    </sheetView>
  </sheetViews>
  <sheetFormatPr defaultColWidth="8.69921875" defaultRowHeight="14.4"/>
  <cols>
    <col min="1" max="1" width="2" style="2" customWidth="1"/>
    <col min="2" max="2" width="18.8984375" style="4" customWidth="1"/>
    <col min="3" max="3" width="37.5" style="4" customWidth="1"/>
    <col min="4" max="4" width="1.69921875" style="4" customWidth="1"/>
    <col min="5" max="5" width="56.59765625" style="5" customWidth="1"/>
    <col min="6" max="6" width="1.59765625" style="78" customWidth="1"/>
    <col min="7" max="7" width="56.59765625" style="5" customWidth="1"/>
    <col min="8" max="10" width="50.69921875" style="5" customWidth="1"/>
    <col min="11" max="16384" width="8.69921875" style="5"/>
  </cols>
  <sheetData>
    <row r="1" spans="2:7" ht="21">
      <c r="B1" s="3" t="s">
        <v>81</v>
      </c>
    </row>
    <row r="2" spans="2:7">
      <c r="B2" s="6" t="s">
        <v>90</v>
      </c>
    </row>
    <row r="3" spans="2:7" ht="9.6" customHeight="1">
      <c r="B3" s="6"/>
    </row>
    <row r="4" spans="2:7" ht="16.2">
      <c r="B4" s="7" t="s">
        <v>1</v>
      </c>
    </row>
    <row r="5" spans="2:7" ht="15" thickBot="1">
      <c r="B5" s="8"/>
    </row>
    <row r="6" spans="2:7" ht="15" thickBot="1">
      <c r="B6" s="57" t="s">
        <v>82</v>
      </c>
      <c r="C6" s="58"/>
      <c r="D6" s="74"/>
      <c r="E6" s="11" t="s">
        <v>83</v>
      </c>
      <c r="F6" s="79"/>
      <c r="G6" s="11" t="s">
        <v>91</v>
      </c>
    </row>
    <row r="7" spans="2:7" ht="103.8" customHeight="1">
      <c r="B7" s="59" t="s">
        <v>92</v>
      </c>
      <c r="C7" s="60"/>
      <c r="D7" s="1"/>
      <c r="E7" s="69" t="s">
        <v>95</v>
      </c>
      <c r="F7" s="77"/>
      <c r="G7" s="65" t="s">
        <v>96</v>
      </c>
    </row>
    <row r="8" spans="2:7" ht="21.6" customHeight="1">
      <c r="B8" s="42" t="s">
        <v>2</v>
      </c>
      <c r="C8" s="15" t="s">
        <v>3</v>
      </c>
      <c r="D8" s="1"/>
      <c r="E8" s="70"/>
      <c r="F8" s="77"/>
      <c r="G8" s="66"/>
    </row>
    <row r="9" spans="2:7" ht="59.4" customHeight="1">
      <c r="B9" s="40" t="s">
        <v>4</v>
      </c>
      <c r="C9" s="13" t="s">
        <v>5</v>
      </c>
      <c r="D9" s="1"/>
      <c r="E9" s="70"/>
      <c r="F9" s="77"/>
      <c r="G9" s="66"/>
    </row>
    <row r="10" spans="2:7">
      <c r="B10" s="28" t="s">
        <v>6</v>
      </c>
      <c r="C10" s="22" t="s">
        <v>7</v>
      </c>
      <c r="D10" s="1"/>
      <c r="E10" s="70"/>
      <c r="F10" s="77"/>
      <c r="G10" s="66"/>
    </row>
    <row r="11" spans="2:7">
      <c r="B11" s="40" t="s">
        <v>8</v>
      </c>
      <c r="C11" s="13" t="s">
        <v>9</v>
      </c>
      <c r="D11" s="1"/>
      <c r="E11" s="70"/>
      <c r="F11" s="77"/>
      <c r="G11" s="66"/>
    </row>
    <row r="12" spans="2:7">
      <c r="B12" s="40" t="s">
        <v>10</v>
      </c>
      <c r="C12" s="13" t="s">
        <v>11</v>
      </c>
      <c r="D12" s="1"/>
      <c r="E12" s="70"/>
      <c r="F12" s="77"/>
      <c r="G12" s="66"/>
    </row>
    <row r="13" spans="2:7" ht="30.6" customHeight="1">
      <c r="B13" s="46" t="s">
        <v>12</v>
      </c>
      <c r="C13" s="14" t="s">
        <v>13</v>
      </c>
      <c r="D13" s="1"/>
      <c r="E13" s="70"/>
      <c r="F13" s="77"/>
      <c r="G13" s="66"/>
    </row>
    <row r="14" spans="2:7">
      <c r="B14" s="40" t="s">
        <v>14</v>
      </c>
      <c r="C14" s="13" t="s">
        <v>0</v>
      </c>
      <c r="D14" s="1"/>
      <c r="E14" s="70"/>
      <c r="F14" s="77"/>
      <c r="G14" s="66"/>
    </row>
    <row r="15" spans="2:7" ht="24" customHeight="1">
      <c r="B15" s="46" t="s">
        <v>15</v>
      </c>
      <c r="C15" s="14" t="s">
        <v>16</v>
      </c>
      <c r="D15" s="1"/>
      <c r="E15" s="70"/>
      <c r="F15" s="77"/>
      <c r="G15" s="66"/>
    </row>
    <row r="16" spans="2:7" ht="38.4" customHeight="1">
      <c r="B16" s="28" t="s">
        <v>17</v>
      </c>
      <c r="C16" s="22" t="s">
        <v>18</v>
      </c>
      <c r="D16" s="1"/>
      <c r="E16" s="71"/>
      <c r="F16" s="77"/>
      <c r="G16" s="66"/>
    </row>
    <row r="17" spans="2:7" ht="45" customHeight="1">
      <c r="B17" s="61" t="s">
        <v>19</v>
      </c>
      <c r="C17" s="62"/>
      <c r="D17" s="1"/>
      <c r="E17" s="72" t="s">
        <v>94</v>
      </c>
      <c r="F17" s="77"/>
      <c r="G17" s="67" t="s">
        <v>106</v>
      </c>
    </row>
    <row r="18" spans="2:7" ht="19.2">
      <c r="B18" s="40" t="s">
        <v>2</v>
      </c>
      <c r="C18" s="13" t="s">
        <v>20</v>
      </c>
      <c r="D18" s="1"/>
      <c r="E18" s="70"/>
      <c r="F18" s="77"/>
      <c r="G18" s="66"/>
    </row>
    <row r="19" spans="2:7" ht="21.6" customHeight="1">
      <c r="B19" s="40" t="s">
        <v>21</v>
      </c>
      <c r="C19" s="13" t="s">
        <v>22</v>
      </c>
      <c r="D19" s="1"/>
      <c r="E19" s="70"/>
      <c r="F19" s="77"/>
      <c r="G19" s="66"/>
    </row>
    <row r="20" spans="2:7">
      <c r="B20" s="40" t="s">
        <v>23</v>
      </c>
      <c r="C20" s="13" t="s">
        <v>24</v>
      </c>
      <c r="D20" s="1"/>
      <c r="E20" s="70"/>
      <c r="F20" s="77"/>
      <c r="G20" s="66"/>
    </row>
    <row r="21" spans="2:7" ht="35.4" customHeight="1">
      <c r="B21" s="40" t="s">
        <v>8</v>
      </c>
      <c r="C21" s="13" t="s">
        <v>25</v>
      </c>
      <c r="D21" s="1"/>
      <c r="E21" s="70"/>
      <c r="F21" s="77"/>
      <c r="G21" s="66"/>
    </row>
    <row r="22" spans="2:7" ht="32.4" customHeight="1">
      <c r="B22" s="46"/>
      <c r="C22" s="14" t="s">
        <v>26</v>
      </c>
      <c r="D22" s="1"/>
      <c r="E22" s="70"/>
      <c r="F22" s="77"/>
      <c r="G22" s="66"/>
    </row>
    <row r="23" spans="2:7">
      <c r="B23" s="46"/>
      <c r="C23" s="14" t="s">
        <v>27</v>
      </c>
      <c r="D23" s="1"/>
      <c r="E23" s="70"/>
      <c r="F23" s="77"/>
      <c r="G23" s="66"/>
    </row>
    <row r="24" spans="2:7" ht="98.4" customHeight="1">
      <c r="B24" s="46"/>
      <c r="C24" s="14" t="s">
        <v>28</v>
      </c>
      <c r="D24" s="1"/>
      <c r="E24" s="70"/>
      <c r="F24" s="77"/>
      <c r="G24" s="66"/>
    </row>
    <row r="25" spans="2:7" ht="41.4" customHeight="1">
      <c r="B25" s="46"/>
      <c r="C25" s="14" t="s">
        <v>29</v>
      </c>
      <c r="D25" s="1"/>
      <c r="E25" s="70"/>
      <c r="F25" s="77"/>
      <c r="G25" s="66"/>
    </row>
    <row r="26" spans="2:7" ht="54" customHeight="1">
      <c r="B26" s="40" t="s">
        <v>30</v>
      </c>
      <c r="C26" s="13" t="s">
        <v>31</v>
      </c>
      <c r="D26" s="1"/>
      <c r="E26" s="70"/>
      <c r="F26" s="77"/>
      <c r="G26" s="66"/>
    </row>
    <row r="27" spans="2:7" ht="67.2" customHeight="1">
      <c r="B27" s="44" t="s">
        <v>32</v>
      </c>
      <c r="C27" s="41" t="s">
        <v>33</v>
      </c>
      <c r="D27" s="1"/>
      <c r="E27" s="71"/>
      <c r="F27" s="77"/>
      <c r="G27" s="68"/>
    </row>
    <row r="28" spans="2:7" ht="105" customHeight="1">
      <c r="B28" s="45"/>
      <c r="C28" s="47"/>
      <c r="D28" s="1"/>
      <c r="E28" s="38" t="s">
        <v>93</v>
      </c>
      <c r="F28" s="77"/>
      <c r="G28" s="37" t="s">
        <v>97</v>
      </c>
    </row>
    <row r="29" spans="2:7" ht="178.2" customHeight="1" thickBot="1">
      <c r="B29" s="35"/>
      <c r="C29" s="25"/>
      <c r="D29" s="1"/>
      <c r="E29" s="23"/>
      <c r="F29" s="77"/>
      <c r="G29" s="27" t="s">
        <v>98</v>
      </c>
    </row>
    <row r="30" spans="2:7">
      <c r="B30" s="1"/>
      <c r="C30" s="1"/>
      <c r="D30" s="1"/>
      <c r="E30" s="16"/>
      <c r="F30" s="77"/>
    </row>
    <row r="31" spans="2:7" ht="16.2">
      <c r="B31" s="7" t="s">
        <v>34</v>
      </c>
    </row>
    <row r="32" spans="2:7" ht="15" thickBot="1">
      <c r="B32" s="9"/>
    </row>
    <row r="33" spans="2:7" ht="15" thickBot="1">
      <c r="B33" s="50" t="s">
        <v>82</v>
      </c>
      <c r="C33" s="51"/>
      <c r="D33" s="75"/>
      <c r="E33" s="11" t="s">
        <v>83</v>
      </c>
      <c r="F33" s="79"/>
      <c r="G33" s="11" t="s">
        <v>91</v>
      </c>
    </row>
    <row r="34" spans="2:7" ht="12.6" customHeight="1">
      <c r="B34" s="63" t="s">
        <v>35</v>
      </c>
      <c r="C34" s="64"/>
      <c r="D34" s="1"/>
      <c r="E34" s="19"/>
      <c r="G34" s="19"/>
    </row>
    <row r="35" spans="2:7" ht="13.8" customHeight="1">
      <c r="B35" s="21" t="s">
        <v>36</v>
      </c>
      <c r="C35" s="26" t="s">
        <v>37</v>
      </c>
      <c r="D35" s="1"/>
      <c r="E35" s="39" t="s">
        <v>89</v>
      </c>
      <c r="F35" s="77"/>
      <c r="G35" s="19"/>
    </row>
    <row r="36" spans="2:7" ht="28.8">
      <c r="B36" s="44" t="s">
        <v>38</v>
      </c>
      <c r="C36" s="41" t="s">
        <v>39</v>
      </c>
      <c r="D36" s="1"/>
      <c r="E36" s="38" t="s">
        <v>88</v>
      </c>
      <c r="F36" s="77"/>
      <c r="G36" s="19"/>
    </row>
    <row r="37" spans="2:7" ht="15" thickBot="1">
      <c r="B37" s="17" t="s">
        <v>40</v>
      </c>
      <c r="C37" s="18" t="s">
        <v>41</v>
      </c>
      <c r="D37" s="1"/>
      <c r="E37" s="20"/>
      <c r="G37" s="20"/>
    </row>
    <row r="38" spans="2:7">
      <c r="B38" s="9"/>
    </row>
    <row r="39" spans="2:7">
      <c r="B39" s="10"/>
    </row>
    <row r="40" spans="2:7" ht="16.2">
      <c r="B40" s="7" t="s">
        <v>42</v>
      </c>
    </row>
    <row r="41" spans="2:7" ht="15" thickBot="1">
      <c r="B41" s="10"/>
    </row>
    <row r="42" spans="2:7" ht="15" thickBot="1">
      <c r="B42" s="50" t="s">
        <v>82</v>
      </c>
      <c r="C42" s="51"/>
      <c r="D42" s="75"/>
      <c r="E42" s="11" t="s">
        <v>83</v>
      </c>
      <c r="F42" s="79"/>
      <c r="G42" s="11" t="s">
        <v>91</v>
      </c>
    </row>
    <row r="43" spans="2:7" ht="73.8" customHeight="1">
      <c r="B43" s="81" t="s">
        <v>43</v>
      </c>
      <c r="C43" s="73" t="s">
        <v>44</v>
      </c>
      <c r="D43" s="1"/>
      <c r="E43" s="38" t="s">
        <v>84</v>
      </c>
      <c r="F43" s="77"/>
      <c r="G43" s="19"/>
    </row>
    <row r="44" spans="2:7" ht="153" customHeight="1">
      <c r="B44" s="44" t="s">
        <v>45</v>
      </c>
      <c r="C44" s="41" t="s">
        <v>46</v>
      </c>
      <c r="D44" s="1"/>
      <c r="E44" s="38" t="s">
        <v>105</v>
      </c>
      <c r="F44" s="77"/>
      <c r="G44" s="19"/>
    </row>
    <row r="45" spans="2:7" ht="32.4" customHeight="1">
      <c r="B45" s="52" t="s">
        <v>47</v>
      </c>
      <c r="C45" s="41" t="s">
        <v>48</v>
      </c>
      <c r="D45" s="1"/>
      <c r="E45" s="19"/>
      <c r="G45" s="19"/>
    </row>
    <row r="46" spans="2:7" ht="11.4" customHeight="1">
      <c r="B46" s="53"/>
      <c r="C46" s="47" t="s">
        <v>49</v>
      </c>
      <c r="D46" s="1"/>
      <c r="E46" s="19"/>
      <c r="G46" s="19"/>
    </row>
    <row r="47" spans="2:7" ht="41.4" customHeight="1">
      <c r="B47" s="54"/>
      <c r="C47" s="43" t="s">
        <v>50</v>
      </c>
      <c r="D47" s="1"/>
      <c r="E47" s="19"/>
      <c r="G47" s="19"/>
    </row>
    <row r="48" spans="2:7" ht="111" customHeight="1">
      <c r="B48" s="21" t="s">
        <v>51</v>
      </c>
      <c r="C48" s="26" t="s">
        <v>52</v>
      </c>
      <c r="D48" s="1"/>
      <c r="E48" s="19"/>
      <c r="G48" s="19"/>
    </row>
    <row r="49" spans="2:7" ht="24.6" customHeight="1">
      <c r="B49" s="44" t="s">
        <v>53</v>
      </c>
      <c r="C49" s="41" t="s">
        <v>54</v>
      </c>
      <c r="D49" s="1"/>
      <c r="E49" s="19"/>
      <c r="G49" s="19"/>
    </row>
    <row r="50" spans="2:7" ht="63.6" customHeight="1">
      <c r="B50" s="21" t="s">
        <v>55</v>
      </c>
      <c r="C50" s="26" t="s">
        <v>56</v>
      </c>
      <c r="D50" s="1"/>
      <c r="E50" s="19"/>
      <c r="G50" s="19"/>
    </row>
    <row r="51" spans="2:7" ht="44.4" customHeight="1">
      <c r="B51" s="21" t="s">
        <v>57</v>
      </c>
      <c r="C51" s="26" t="s">
        <v>58</v>
      </c>
      <c r="D51" s="1"/>
      <c r="E51" s="19"/>
      <c r="G51" s="19"/>
    </row>
    <row r="52" spans="2:7" ht="45" customHeight="1">
      <c r="B52" s="21" t="s">
        <v>59</v>
      </c>
      <c r="C52" s="26" t="s">
        <v>60</v>
      </c>
      <c r="D52" s="1"/>
      <c r="E52" s="19"/>
      <c r="G52" s="19"/>
    </row>
    <row r="53" spans="2:7" ht="24" customHeight="1">
      <c r="B53" s="44" t="s">
        <v>61</v>
      </c>
      <c r="C53" s="41" t="s">
        <v>62</v>
      </c>
      <c r="D53" s="1"/>
      <c r="E53" s="19"/>
      <c r="G53" s="19"/>
    </row>
    <row r="54" spans="2:7" ht="38.4" customHeight="1">
      <c r="B54" s="44" t="s">
        <v>63</v>
      </c>
      <c r="C54" s="41" t="s">
        <v>64</v>
      </c>
      <c r="D54" s="1"/>
      <c r="E54" s="19"/>
      <c r="G54" s="19"/>
    </row>
    <row r="55" spans="2:7" ht="24.6" customHeight="1">
      <c r="B55" s="44" t="s">
        <v>65</v>
      </c>
      <c r="C55" s="41" t="s">
        <v>66</v>
      </c>
      <c r="D55" s="1"/>
      <c r="E55" s="19"/>
      <c r="G55" s="19"/>
    </row>
    <row r="56" spans="2:7" ht="28.2" customHeight="1" thickBot="1">
      <c r="B56" s="17" t="s">
        <v>67</v>
      </c>
      <c r="C56" s="18" t="s">
        <v>68</v>
      </c>
      <c r="D56" s="1"/>
      <c r="E56" s="20"/>
      <c r="G56" s="20"/>
    </row>
    <row r="57" spans="2:7">
      <c r="B57" s="10"/>
      <c r="E57" s="78"/>
    </row>
    <row r="58" spans="2:7" ht="16.2">
      <c r="B58" s="7" t="s">
        <v>69</v>
      </c>
      <c r="E58" s="78"/>
    </row>
    <row r="59" spans="2:7" ht="15" thickBot="1">
      <c r="B59" s="10"/>
      <c r="E59" s="78"/>
    </row>
    <row r="60" spans="2:7" ht="15" thickBot="1">
      <c r="B60" s="50" t="s">
        <v>82</v>
      </c>
      <c r="C60" s="51"/>
      <c r="D60" s="75"/>
      <c r="E60" s="11" t="s">
        <v>83</v>
      </c>
      <c r="F60" s="79"/>
      <c r="G60" s="11" t="s">
        <v>91</v>
      </c>
    </row>
    <row r="61" spans="2:7" ht="12.6" customHeight="1">
      <c r="B61" s="55" t="s">
        <v>70</v>
      </c>
      <c r="C61" s="56"/>
      <c r="D61" s="1"/>
      <c r="E61" s="12"/>
      <c r="F61" s="80"/>
      <c r="G61" s="36" t="s">
        <v>102</v>
      </c>
    </row>
    <row r="62" spans="2:7" ht="68.400000000000006">
      <c r="B62" s="42" t="s">
        <v>71</v>
      </c>
      <c r="C62" s="43" t="s">
        <v>72</v>
      </c>
      <c r="D62" s="1"/>
      <c r="E62" s="31" t="s">
        <v>87</v>
      </c>
      <c r="F62" s="80"/>
      <c r="G62" s="37" t="s">
        <v>101</v>
      </c>
    </row>
    <row r="63" spans="2:7" ht="48">
      <c r="B63" s="28" t="s">
        <v>73</v>
      </c>
      <c r="C63" s="26" t="s">
        <v>74</v>
      </c>
      <c r="D63" s="1"/>
      <c r="E63" s="32" t="s">
        <v>86</v>
      </c>
      <c r="F63" s="80"/>
      <c r="G63" s="33" t="s">
        <v>103</v>
      </c>
    </row>
    <row r="64" spans="2:7" ht="38.4">
      <c r="B64" s="28" t="s">
        <v>75</v>
      </c>
      <c r="C64" s="26" t="s">
        <v>76</v>
      </c>
      <c r="D64" s="1"/>
      <c r="E64" s="32" t="s">
        <v>85</v>
      </c>
      <c r="F64" s="80"/>
      <c r="G64" s="33" t="s">
        <v>104</v>
      </c>
    </row>
    <row r="65" spans="2:7" ht="42.6" customHeight="1" thickBot="1">
      <c r="B65" s="24" t="s">
        <v>77</v>
      </c>
      <c r="C65" s="25" t="s">
        <v>78</v>
      </c>
      <c r="D65" s="1"/>
      <c r="E65" s="20"/>
      <c r="G65" s="27"/>
    </row>
    <row r="66" spans="2:7">
      <c r="B66" s="10"/>
    </row>
    <row r="67" spans="2:7" ht="16.2">
      <c r="B67" s="7" t="s">
        <v>79</v>
      </c>
    </row>
    <row r="68" spans="2:7" ht="15" thickBot="1">
      <c r="B68" s="10"/>
    </row>
    <row r="69" spans="2:7" ht="15" customHeight="1" thickBot="1">
      <c r="B69" s="50" t="s">
        <v>82</v>
      </c>
      <c r="C69" s="51"/>
      <c r="D69" s="75"/>
      <c r="E69" s="11" t="s">
        <v>83</v>
      </c>
      <c r="F69" s="79"/>
      <c r="G69" s="11" t="s">
        <v>91</v>
      </c>
    </row>
    <row r="70" spans="2:7" ht="69.599999999999994" customHeight="1">
      <c r="B70" s="48" t="s">
        <v>80</v>
      </c>
      <c r="C70" s="49"/>
      <c r="D70" s="76"/>
      <c r="E70" s="19"/>
      <c r="G70" s="34" t="s">
        <v>99</v>
      </c>
    </row>
    <row r="71" spans="2:7" ht="55.8" customHeight="1" thickBot="1">
      <c r="B71" s="29"/>
      <c r="C71" s="30"/>
      <c r="E71" s="20"/>
      <c r="G71" s="27" t="s">
        <v>100</v>
      </c>
    </row>
    <row r="72" spans="2:7">
      <c r="B72" s="10"/>
    </row>
    <row r="73" spans="2:7">
      <c r="B73" s="10"/>
    </row>
    <row r="74" spans="2:7">
      <c r="B74" s="10"/>
    </row>
    <row r="75" spans="2:7">
      <c r="B75" s="10"/>
    </row>
    <row r="76" spans="2:7">
      <c r="B76" s="10"/>
    </row>
    <row r="77" spans="2:7">
      <c r="B77" s="10"/>
    </row>
    <row r="78" spans="2:7">
      <c r="B78" s="10"/>
    </row>
    <row r="79" spans="2:7">
      <c r="B79" s="10"/>
    </row>
    <row r="80" spans="2:7">
      <c r="B80" s="10"/>
    </row>
    <row r="81" spans="1:2">
      <c r="B81" s="10"/>
    </row>
    <row r="82" spans="1:2">
      <c r="B82" s="10"/>
    </row>
    <row r="83" spans="1:2">
      <c r="A83" s="4"/>
      <c r="B83" s="10"/>
    </row>
    <row r="84" spans="1:2">
      <c r="A84" s="4"/>
      <c r="B84" s="10"/>
    </row>
    <row r="85" spans="1:2">
      <c r="A85" s="4"/>
      <c r="B85" s="10"/>
    </row>
    <row r="86" spans="1:2">
      <c r="A86" s="4"/>
      <c r="B86" s="10"/>
    </row>
    <row r="87" spans="1:2">
      <c r="A87" s="4"/>
      <c r="B87" s="10"/>
    </row>
    <row r="88" spans="1:2">
      <c r="A88" s="4"/>
      <c r="B88" s="10"/>
    </row>
    <row r="89" spans="1:2">
      <c r="A89" s="4"/>
      <c r="B89" s="10"/>
    </row>
    <row r="90" spans="1:2">
      <c r="A90" s="4"/>
      <c r="B90" s="10"/>
    </row>
    <row r="91" spans="1:2">
      <c r="A91" s="4"/>
      <c r="B91" s="10"/>
    </row>
    <row r="92" spans="1:2">
      <c r="A92" s="4"/>
      <c r="B92" s="10"/>
    </row>
    <row r="93" spans="1:2">
      <c r="A93" s="4"/>
      <c r="B93" s="10"/>
    </row>
    <row r="94" spans="1:2">
      <c r="A94" s="4"/>
      <c r="B94" s="10"/>
    </row>
    <row r="95" spans="1:2">
      <c r="A95" s="4"/>
      <c r="B95" s="10"/>
    </row>
    <row r="96" spans="1:2">
      <c r="A96" s="4"/>
      <c r="B96" s="10"/>
    </row>
    <row r="97" spans="1:2">
      <c r="A97" s="4"/>
      <c r="B97" s="10"/>
    </row>
    <row r="98" spans="1:2">
      <c r="A98" s="4"/>
      <c r="B98" s="10"/>
    </row>
    <row r="99" spans="1:2">
      <c r="A99" s="4"/>
      <c r="B99" s="10"/>
    </row>
  </sheetData>
  <mergeCells count="15">
    <mergeCell ref="G7:G16"/>
    <mergeCell ref="G17:G27"/>
    <mergeCell ref="E7:E16"/>
    <mergeCell ref="E17:E27"/>
    <mergeCell ref="B69:C69"/>
    <mergeCell ref="B6:C6"/>
    <mergeCell ref="B7:C7"/>
    <mergeCell ref="B17:C17"/>
    <mergeCell ref="B33:C33"/>
    <mergeCell ref="B34:C34"/>
    <mergeCell ref="B70:C70"/>
    <mergeCell ref="B42:C42"/>
    <mergeCell ref="B45:B47"/>
    <mergeCell ref="B60:C60"/>
    <mergeCell ref="B61:C61"/>
  </mergeCells>
  <phoneticPr fontId="1"/>
  <pageMargins left="0.7" right="0.7" top="0.75" bottom="0.75" header="0.3" footer="0.3"/>
  <pageSetup paperSize="8" fitToHeight="0" orientation="landscape" r:id="rId1"/>
  <headerFooter>
    <oddFooter>&amp;P ページ</oddFooter>
  </headerFooter>
  <rowBreaks count="2" manualBreakCount="2">
    <brk id="39" max="16383" man="1"/>
    <brk id="53" max="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比較</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田直人</dc:creator>
  <cp:lastModifiedBy>井出実里</cp:lastModifiedBy>
  <cp:lastPrinted>2022-08-09T08:51:02Z</cp:lastPrinted>
  <dcterms:created xsi:type="dcterms:W3CDTF">2022-07-28T06:24:07Z</dcterms:created>
  <dcterms:modified xsi:type="dcterms:W3CDTF">2022-08-09T08:53:47Z</dcterms:modified>
</cp:coreProperties>
</file>